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tables/table1.xml" ContentType="application/vnd.openxmlformats-officedocument.spreadsheetml.table+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8827"/>
  <workbookPr/>
  <mc:AlternateContent xmlns:mc="http://schemas.openxmlformats.org/markup-compatibility/2006">
    <mc:Choice Requires="x15">
      <x15ac:absPath xmlns:x15ac="http://schemas.microsoft.com/office/spreadsheetml/2010/11/ac" url="C:\Users\chris.alston\Downloads\"/>
    </mc:Choice>
  </mc:AlternateContent>
  <xr:revisionPtr revIDLastSave="0" documentId="13_ncr:1_{1C44788D-92C8-4A51-AEBA-DD9F3950BBC4}" xr6:coauthVersionLast="47" xr6:coauthVersionMax="47" xr10:uidLastSave="{00000000-0000-0000-0000-000000000000}"/>
  <bookViews>
    <workbookView xWindow="2688" yWindow="2688" windowWidth="23040" windowHeight="12120" xr2:uid="{00000000-000D-0000-FFFF-FFFF00000000}"/>
  </bookViews>
  <sheets>
    <sheet name="About" sheetId="1" r:id="rId1"/>
    <sheet name="Contents" sheetId="4" r:id="rId2"/>
    <sheet name="Figure 1" sheetId="2" r:id="rId3"/>
    <sheet name="Figure 2" sheetId="3" r:id="rId4"/>
    <sheet name="Figure 1.4" sheetId="5" r:id="rId5"/>
    <sheet name="Figure 3.3" sheetId="7" r:id="rId6"/>
    <sheet name="Figure 3.4" sheetId="6" r:id="rId7"/>
  </sheets>
  <definedNames>
    <definedName name="SdCt01893f76f3594d6896dee9cf24a4d25d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3">'Figure 2'!$A$4:$E$65</definedName>
    <definedName name="SdCt01893f76f3594d6896dee9cf24a4d25d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3">'Figure 2'!$A$4:$E$65</definedName>
    <definedName name="SdCt05b9d088f80b45588fed4badb99f1fe8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ࣀ͠Ǒ푢윘_x000c_쐪茻쉂䅘㱲袛态嗩졧ℂ溜쾝ಗ倦叡扠箄珞錃橘㓜ꬵ贽观砎⁙㜐㾱ࢉ晌壴ࡧՂ鼬㢾삪圩碣_x0004_츘pƘ,ꇽ퍀ໄ퍫켷࿯荬ఈ" localSheetId="5">'Figure 3.3'!#REF!</definedName>
    <definedName name="SdCt05b9d088f80b45588fed4badb99f1fe8_1" localSheetId="5">'Figure 3.3'!#REF!</definedName>
    <definedName name="SdCt4078c12f07d24c74abbf89de50547633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6">'Figure 3.4'!$A$4:$B$39</definedName>
    <definedName name="SdCt4078c12f07d24c74abbf89de50547633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6">'Figure 3.4'!$A$4:$B$39</definedName>
    <definedName name="SdCt4e5d766da78240418bd1ed6a7274eaa7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2">'Figure 1'!$A$3:$B$8</definedName>
    <definedName name="SdCt4e5d766da78240418bd1ed6a7274eaa7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2">'Figure 1'!$A$3:$B$8</definedName>
    <definedName name="SdCtc76271b1a77d44ddb58b6246cbe89fa2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5">'Figure 3.3'!$A$4:$E$20</definedName>
    <definedName name="SdCtc76271b1a77d44ddb58b6246cbe89fa2_1" localSheetId="5">'Figure 3.3'!$A$4:$E$20</definedName>
    <definedName name="SdCtcf56358eb68342b9a41e5fbe11a81be8_0" comment="sc㞂⃲ˡ⁜ꁢҰᎁ鰠┃_xd81d_혊쀻棡!Ⰱ뀄혉逕쁓h䀘䪭韄Ƥ頄_x000a_聃F钘渺ꉂǌ䀅䆥ᤑ㩖炘护쾘륚䀄ᒨ蕡¶䶊ꓙфc煊ᄊ⠬㜍⵮樿呞炈䣞̣刓ヘ뼴鹻੤㣤u☗_x000b_ሐ_x0005_ࠀ؀紀嘐㙑䄀ܦᄀ攪䑚㙯䑔䑩溘穦㭻_x0019_煴氼㡻␴紪ط䉞砢ቐਚ㩆嘎⸞ಡᄉ熫╕棲ᴽ峣殳寋ԇ_xdb3b_㙹먀얱_xd8ac_듢䈜媄뗠Ĥ⁌⢩ಎ␈Ƭ哈Ⰳሖ駈Ⴈ䰿ঐ떺ৢ貅ㆨ샭鰡ᒎϙ_xda5d_ゑ㪝՚ℰ롹Ղ൐顬_x0016_龋_x0005_霓⁔쩔ㅖÅ㢣톘⋮樱墜挿媷_xdaf0_rࢁ첄䂄_x0004__x000a_ਵ၀ҥ梀窈_x0017_蓀ীΣꣅ踰_x0019_衕ٷ蒄芰壥Ḷ쀂ꯓ郎䈄픾鼺᤮ꁌꟂ쓀☆_xd8b0_榸嚫᩻ᎅ커䂲渠罢ᄒ처퇨჏쀖અ㹘煽腔깒ꏘ_x0009_鐰à̰Xl뮦耝覦햟꽃毽搽_xded8_᠑" localSheetId="4">'Figure 1.4'!$A$4:$D$11</definedName>
    <definedName name="SdCtcf56358eb68342b9a41e5fbe11a81be8_1" comment="sc氉ꨞ_xde6e_骛堳ႈ鄍_xdaf5_밟巎눴߀鲂䇔蘙䙱蔳貘笗둴́_xda75_Đ놆䅂팴‎䣙⋝┬㹲਋礠슏씩弳ᚤ桚㚜闩敏萃쎐즔_xd876_ဠ䥈⾒닁㴰銅䓑彜侸民Ᏹ憝惂㙴靵扗Đ흝쵵劌錹팳璚㽓ワ揟⻎൴_xd927_唴ᤀ蕐ຑ勬鹎᱕ⅹᡟ貔䁀偖堋㎗鉥䄩賦謒숰돒ᤥ鑎䯁穌풠䅑⸫淄棝⭂耀" localSheetId="4">'Figure 1.4'!$A$4:$D$11</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160" uniqueCount="160">
  <si>
    <t>About this workbook</t>
  </si>
  <si>
    <r>
      <t xml:space="preserve">This Excel workbook contains data underlying charts in the Productivity Commission's interim report on </t>
    </r>
    <r>
      <rPr>
        <i/>
        <sz val="10"/>
        <color theme="1"/>
        <rFont val="Arial"/>
        <family val="2"/>
      </rPr>
      <t>Delivering quality care more efficiently</t>
    </r>
    <r>
      <rPr>
        <sz val="10"/>
        <color theme="1"/>
        <rFont val="Arial"/>
        <family val="2"/>
      </rPr>
      <t xml:space="preserve">. </t>
    </r>
  </si>
  <si>
    <r>
      <t xml:space="preserve">The </t>
    </r>
    <r>
      <rPr>
        <b/>
        <sz val="10"/>
        <color theme="1"/>
        <rFont val="Arial"/>
        <family val="2"/>
      </rPr>
      <t>Contents</t>
    </r>
    <r>
      <rPr>
        <sz val="10"/>
        <color theme="1"/>
        <rFont val="Arial"/>
        <family val="2"/>
      </rPr>
      <t xml:space="preserve"> worksheet links to the data for each chart.</t>
    </r>
  </si>
  <si>
    <t xml:space="preserve">The report is available from: </t>
  </si>
  <si>
    <t>https://www.pc.gov.au/inquiries/current/quality-care#interim</t>
  </si>
  <si>
    <t>Contents</t>
  </si>
  <si>
    <t>Figure no.</t>
  </si>
  <si>
    <t>Title</t>
  </si>
  <si>
    <t>Figure 1</t>
  </si>
  <si>
    <t>Many Australians use formal care services</t>
  </si>
  <si>
    <t>Figure 2</t>
  </si>
  <si>
    <t>The care economy will continue to grow</t>
  </si>
  <si>
    <t>Figure 1.4</t>
  </si>
  <si>
    <t>Many aged care, NDIS and veterans' care providers operate across sectors</t>
  </si>
  <si>
    <t>Figure 3.3</t>
  </si>
  <si>
    <t>Effective prevention can return investment after six years</t>
  </si>
  <si>
    <t>Figure 3.4</t>
  </si>
  <si>
    <t>Australia's spending on health prevention lags behind other OECD countries</t>
  </si>
  <si>
    <t>Figure 1 – Many Australians use formal care services</t>
  </si>
  <si>
    <t>Number</t>
  </si>
  <si>
    <t>Accessed Medicare in 2023-24</t>
  </si>
  <si>
    <t>Supported by Aboriginal Community Controlled Health Organisations in 2023-24</t>
  </si>
  <si>
    <t>Commonwealth Home Support Programme recipients in 2023-24</t>
  </si>
  <si>
    <t>Supported by the National Disability Insurance Scheme as of March 2025</t>
  </si>
  <si>
    <t>Children receiving government supported early childhood education and care as of March 2024</t>
  </si>
  <si>
    <t>Source: AIHW (2024c); NACCHO (2025); NDIA (2025c, p. 17); SCRGSP (2025b, 2025a).</t>
  </si>
  <si>
    <t>Figure 2 – The care economy will continue to grow</t>
  </si>
  <si>
    <r>
      <t>Care economy as a percentage of GDP and the workforce</t>
    </r>
    <r>
      <rPr>
        <vertAlign val="superscript"/>
        <sz val="10"/>
        <color theme="1"/>
        <rFont val="Arial"/>
        <family val="2"/>
      </rPr>
      <t>a</t>
    </r>
  </si>
  <si>
    <t>Year</t>
  </si>
  <si>
    <t>Care economy % of GDP - actual</t>
  </si>
  <si>
    <t>Care economy % of Workforce - actual</t>
  </si>
  <si>
    <t>Care economy % of GDP - projected</t>
  </si>
  <si>
    <t>Care economy % of Workforce - projected</t>
  </si>
  <si>
    <t>2002-03</t>
  </si>
  <si>
    <t>2003-04</t>
  </si>
  <si>
    <t>2004-05</t>
  </si>
  <si>
    <t>2005-06</t>
  </si>
  <si>
    <t>2006-07</t>
  </si>
  <si>
    <t>2007-08</t>
  </si>
  <si>
    <t>2008-09</t>
  </si>
  <si>
    <t>2009-10</t>
  </si>
  <si>
    <t>2010-11</t>
  </si>
  <si>
    <t>2011-12</t>
  </si>
  <si>
    <t>2012-13</t>
  </si>
  <si>
    <t>2013-14</t>
  </si>
  <si>
    <t>2014-15</t>
  </si>
  <si>
    <t>2015-16</t>
  </si>
  <si>
    <t>2016-17</t>
  </si>
  <si>
    <t>2017-18</t>
  </si>
  <si>
    <t>2018-19</t>
  </si>
  <si>
    <t>2019-20</t>
  </si>
  <si>
    <t>2020-21</t>
  </si>
  <si>
    <t>2021-22</t>
  </si>
  <si>
    <t>2022-23</t>
  </si>
  <si>
    <t>2023-24</t>
  </si>
  <si>
    <t>2024-25</t>
  </si>
  <si>
    <t>2025-26</t>
  </si>
  <si>
    <t>2026-27</t>
  </si>
  <si>
    <t>2027-28</t>
  </si>
  <si>
    <t>2028-29</t>
  </si>
  <si>
    <t>2029-30</t>
  </si>
  <si>
    <t>2030-31</t>
  </si>
  <si>
    <t>2031-32</t>
  </si>
  <si>
    <t>2032-33</t>
  </si>
  <si>
    <t>2033-34</t>
  </si>
  <si>
    <t>2034-35</t>
  </si>
  <si>
    <t>2035-36</t>
  </si>
  <si>
    <t>2036-37</t>
  </si>
  <si>
    <t>2037-38</t>
  </si>
  <si>
    <t>2038-39</t>
  </si>
  <si>
    <t>2039-40</t>
  </si>
  <si>
    <t>2040-41</t>
  </si>
  <si>
    <t>2041-42</t>
  </si>
  <si>
    <t>2042-43</t>
  </si>
  <si>
    <t>2043-44</t>
  </si>
  <si>
    <t>2044-45</t>
  </si>
  <si>
    <t>2045-46</t>
  </si>
  <si>
    <t>2046-47</t>
  </si>
  <si>
    <t>2047-48</t>
  </si>
  <si>
    <t>2048-49</t>
  </si>
  <si>
    <t>2049-50</t>
  </si>
  <si>
    <t>2050-51</t>
  </si>
  <si>
    <t>2051-52</t>
  </si>
  <si>
    <t>2052-53</t>
  </si>
  <si>
    <t>2053-54</t>
  </si>
  <si>
    <t>2054-55</t>
  </si>
  <si>
    <t>2055-56</t>
  </si>
  <si>
    <t>2056-57</t>
  </si>
  <si>
    <t>2057-58</t>
  </si>
  <si>
    <t>2058-59</t>
  </si>
  <si>
    <t>2059-60</t>
  </si>
  <si>
    <t>2060-61</t>
  </si>
  <si>
    <t>2061-62</t>
  </si>
  <si>
    <t>2062-63</t>
  </si>
  <si>
    <t>Note: Commonwealth of Australia (2023a) data based on the Australian Bureau of Statistics’ Australian and New Zealand Industrial Classification for the Health Care and Social Assistance Division, which uses Gross Value Added (GVA) to represent total output.</t>
  </si>
  <si>
    <t>Source: PC estimates based on Commonwealth of Australia (2023) data.</t>
  </si>
  <si>
    <r>
      <t>Figure 1.4 – Many aged care, NDIS and veterans' care providers operate across sectors</t>
    </r>
    <r>
      <rPr>
        <b/>
        <vertAlign val="superscript"/>
        <sz val="10"/>
        <color theme="1"/>
        <rFont val="Arial"/>
        <family val="2"/>
      </rPr>
      <t>a</t>
    </r>
  </si>
  <si>
    <t>Proportion of providers in each sector that operate across different sectors</t>
  </si>
  <si>
    <t>Aged care (%)</t>
  </si>
  <si>
    <t>NDIS (%)</t>
  </si>
  <si>
    <t>Veterans' care (%)</t>
  </si>
  <si>
    <t>Aged care only</t>
  </si>
  <si>
    <t>NDIS only</t>
  </si>
  <si>
    <t>Veterans' care only</t>
  </si>
  <si>
    <t>NDIS and aged care</t>
  </si>
  <si>
    <t>Aged care and veterans' care</t>
  </si>
  <si>
    <t>NDIS and veterans' care</t>
  </si>
  <si>
    <t>All three</t>
  </si>
  <si>
    <t>Note: Data for NDIS providers is for registered providers only. The large proportion of providers operating only in the NDIS reflects the relatively large number of registered providers in the scheme (approximately 22,000 compared to approximately 2100 in aged care and 370 in veterans’ care).</t>
  </si>
  <si>
    <t>Source: PC estimates using NDIS (2025a), DoHAC (unpublished data) and DVA (unpublished data).</t>
  </si>
  <si>
    <r>
      <t>Figure 3.3 – Effective prevention can return investment after six years</t>
    </r>
    <r>
      <rPr>
        <b/>
        <vertAlign val="superscript"/>
        <sz val="10"/>
        <color theme="1"/>
        <rFont val="Arial"/>
        <family val="2"/>
      </rPr>
      <t>a,b</t>
    </r>
  </si>
  <si>
    <t>Predicted cumulative net benefit resulting from a $100 million investment</t>
  </si>
  <si>
    <t>Years after intervention</t>
  </si>
  <si>
    <t>Total cost</t>
  </si>
  <si>
    <t>Fit cumulative benefit ($m)</t>
  </si>
  <si>
    <t>Lower</t>
  </si>
  <si>
    <t>Upper</t>
  </si>
  <si>
    <t>Note: The Washington State Institute for Public Policy (WSIPP) maintains a large evidence bank of a range of social programs in the US, including those targeting juvenile justice, child welfare and health care. Evidence includes comparable cost–benefit ratios, estimates of when benefits accrue over time, information about beneficiaries, and probabilities of benefits exceeding program costs. Care should be taken when drawing lessons for Australia. 
Expected benefits over time were modelled using Generalised Additive Models (GAMs), which were fitted to program benefit data provided by WSIPP, accounting for nonlinear relationships and varying program cost sizes.</t>
  </si>
  <si>
    <t>Source: PC estimates using WSIPP data.</t>
  </si>
  <si>
    <t>Figure 3.4 – Australia's spending on health prevention lags behind other OECD countries</t>
  </si>
  <si>
    <t>Pre-COVID-19 prevention as a proportion of total health spending, 2019</t>
  </si>
  <si>
    <t>Country</t>
  </si>
  <si>
    <t>%</t>
  </si>
  <si>
    <t>Canada</t>
  </si>
  <si>
    <t>United Kingdom</t>
  </si>
  <si>
    <t>Italy</t>
  </si>
  <si>
    <t>Finland</t>
  </si>
  <si>
    <t>Korea</t>
  </si>
  <si>
    <t>Estonia</t>
  </si>
  <si>
    <t>Germany</t>
  </si>
  <si>
    <t>Netherlands</t>
  </si>
  <si>
    <t>United States</t>
  </si>
  <si>
    <t>Hungary</t>
  </si>
  <si>
    <t>Czechia</t>
  </si>
  <si>
    <t>Slovenia</t>
  </si>
  <si>
    <t>Sweden</t>
  </si>
  <si>
    <t>Japan</t>
  </si>
  <si>
    <t>Mexico</t>
  </si>
  <si>
    <t>Lithuania</t>
  </si>
  <si>
    <t>Ireland</t>
  </si>
  <si>
    <t>Norway</t>
  </si>
  <si>
    <t>Latvia</t>
  </si>
  <si>
    <t>Luxembourg</t>
  </si>
  <si>
    <t>Iceland</t>
  </si>
  <si>
    <t>Denmark</t>
  </si>
  <si>
    <t>Spain</t>
  </si>
  <si>
    <t>Austria</t>
  </si>
  <si>
    <t>Poland</t>
  </si>
  <si>
    <t>France</t>
  </si>
  <si>
    <t>Australia</t>
  </si>
  <si>
    <t>Switzerland</t>
  </si>
  <si>
    <t>Portugal</t>
  </si>
  <si>
    <t>Belgium</t>
  </si>
  <si>
    <t>Greece</t>
  </si>
  <si>
    <t>Slovak Republic</t>
  </si>
  <si>
    <t>Chile</t>
  </si>
  <si>
    <t>Costa Rica</t>
  </si>
  <si>
    <t>Israel</t>
  </si>
  <si>
    <t xml:space="preserve">Note: Australia’s proportion of healthcare expenditure on prevention and its position relative to other OECD countries is higher in 2021 (latest year that data is available for Australia) compared to 2019. Data from 2019 is the most recent expenditure not inclusive of COVID‑19 vaccination and other prevention programs. </t>
  </si>
  <si>
    <t>Source: PC calculations based on OECD (2025a)</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4">
    <numFmt numFmtId="44" formatCode="_-&quot;$&quot;* #,##0.00_-;\-&quot;$&quot;* #,##0.00_-;_-&quot;$&quot;* &quot;-&quot;??_-;_-@_-"/>
    <numFmt numFmtId="164" formatCode="0.0%"/>
    <numFmt numFmtId="165" formatCode="#,##0.0"/>
    <numFmt numFmtId="166" formatCode="_-&quot;$&quot;* #,##0_-;\-&quot;$&quot;* #,##0_-;_-&quot;$&quot;* &quot;-&quot;??_-;_-@_-"/>
  </numFmts>
  <fonts count="11">
    <font>
      <sz val="10"/>
      <color theme="1"/>
      <name val="Arial"/>
      <family val="2"/>
    </font>
    <font>
      <b/>
      <sz val="10"/>
      <color theme="1"/>
      <name val="Arial"/>
      <family val="2"/>
    </font>
    <font>
      <b/>
      <sz val="12"/>
      <color theme="1"/>
      <name val="Arial"/>
      <family val="2"/>
    </font>
    <font>
      <i/>
      <sz val="10"/>
      <color theme="1"/>
      <name val="Arial"/>
      <family val="2"/>
    </font>
    <font>
      <u/>
      <sz val="10"/>
      <color theme="10"/>
      <name val="Arial"/>
      <family val="2"/>
    </font>
    <font>
      <sz val="10"/>
      <color theme="1"/>
      <name val="Arial"/>
      <family val="2"/>
    </font>
    <font>
      <sz val="9"/>
      <color rgb="FF000000"/>
      <name val="Arial (Body)"/>
    </font>
    <font>
      <b/>
      <sz val="9"/>
      <color rgb="FF265A9A"/>
      <name val="Arial (Body)"/>
    </font>
    <font>
      <vertAlign val="superscript"/>
      <sz val="10"/>
      <color theme="1"/>
      <name val="Arial"/>
      <family val="2"/>
    </font>
    <font>
      <b/>
      <sz val="9"/>
      <color theme="1"/>
      <name val="Arial"/>
      <family val="2"/>
    </font>
    <font>
      <b/>
      <vertAlign val="superscript"/>
      <sz val="10"/>
      <color theme="1"/>
      <name val="Arial"/>
      <family val="2"/>
    </font>
  </fonts>
  <fills count="3">
    <fill>
      <patternFill patternType="none"/>
    </fill>
    <fill>
      <patternFill patternType="gray125"/>
    </fill>
    <fill>
      <patternFill patternType="solid">
        <fgColor rgb="FFF2F2F2"/>
        <bgColor indexed="64"/>
      </patternFill>
    </fill>
  </fills>
  <borders count="2">
    <border>
      <left/>
      <right/>
      <top/>
      <bottom/>
      <diagonal/>
    </border>
    <border>
      <left/>
      <right/>
      <top/>
      <bottom style="thin">
        <color rgb="FFB3B3B3"/>
      </bottom>
      <diagonal/>
    </border>
  </borders>
  <cellStyleXfs count="4">
    <xf numFmtId="0" fontId="0" fillId="0" borderId="0"/>
    <xf numFmtId="0" fontId="4" fillId="0" borderId="0" applyNumberFormat="0" applyFill="0" applyBorder="0" applyAlignment="0" applyProtection="0"/>
    <xf numFmtId="9" fontId="5" fillId="0" borderId="0" applyFont="0" applyFill="0" applyBorder="0" applyAlignment="0" applyProtection="0"/>
    <xf numFmtId="44" fontId="5" fillId="0" borderId="0" applyFont="0" applyFill="0" applyBorder="0" applyAlignment="0" applyProtection="0"/>
  </cellStyleXfs>
  <cellXfs count="29">
    <xf numFmtId="0" fontId="0" fillId="0" borderId="0" xfId="0"/>
    <xf numFmtId="0" fontId="1" fillId="0" borderId="0" xfId="0" applyFont="1"/>
    <xf numFmtId="0" fontId="2" fillId="0" borderId="0" xfId="0" applyFont="1"/>
    <xf numFmtId="0" fontId="7" fillId="0" borderId="0" xfId="0" applyFont="1" applyAlignment="1">
      <alignment horizontal="left" vertical="top"/>
    </xf>
    <xf numFmtId="0" fontId="7" fillId="2" borderId="1" xfId="0" applyFont="1" applyFill="1" applyBorder="1" applyAlignment="1">
      <alignment horizontal="left" vertical="top"/>
    </xf>
    <xf numFmtId="0" fontId="6" fillId="2" borderId="1" xfId="0" applyFont="1" applyFill="1" applyBorder="1" applyAlignment="1">
      <alignment horizontal="left" vertical="top"/>
    </xf>
    <xf numFmtId="0" fontId="7" fillId="2" borderId="0" xfId="0" applyFont="1" applyFill="1" applyAlignment="1">
      <alignment horizontal="left" vertical="top"/>
    </xf>
    <xf numFmtId="0" fontId="7" fillId="0" borderId="1" xfId="0" applyFont="1" applyBorder="1" applyAlignment="1">
      <alignment horizontal="left"/>
    </xf>
    <xf numFmtId="164" fontId="6" fillId="0" borderId="0" xfId="2" applyNumberFormat="1" applyFont="1" applyFill="1" applyBorder="1" applyAlignment="1">
      <alignment horizontal="left" vertical="top"/>
    </xf>
    <xf numFmtId="164" fontId="6" fillId="2" borderId="1" xfId="2" applyNumberFormat="1" applyFont="1" applyFill="1" applyBorder="1" applyAlignment="1">
      <alignment horizontal="left" vertical="top"/>
    </xf>
    <xf numFmtId="164" fontId="6" fillId="2" borderId="0" xfId="2" applyNumberFormat="1" applyFont="1" applyFill="1" applyBorder="1" applyAlignment="1">
      <alignment horizontal="left" vertical="top"/>
    </xf>
    <xf numFmtId="0" fontId="4" fillId="0" borderId="0" xfId="1"/>
    <xf numFmtId="0" fontId="4" fillId="0" borderId="0" xfId="1" applyFill="1"/>
    <xf numFmtId="0" fontId="7" fillId="0" borderId="1" xfId="0" applyFont="1" applyBorder="1" applyAlignment="1">
      <alignment horizontal="left" wrapText="1"/>
    </xf>
    <xf numFmtId="0" fontId="6" fillId="0" borderId="0" xfId="0" applyFont="1" applyAlignment="1">
      <alignment horizontal="left" vertical="top"/>
    </xf>
    <xf numFmtId="0" fontId="6" fillId="2" borderId="0" xfId="0" applyFont="1" applyFill="1" applyAlignment="1">
      <alignment horizontal="left" vertical="top"/>
    </xf>
    <xf numFmtId="3" fontId="6" fillId="0" borderId="0" xfId="0" applyNumberFormat="1" applyFont="1" applyAlignment="1">
      <alignment horizontal="left" vertical="top"/>
    </xf>
    <xf numFmtId="3" fontId="6" fillId="2" borderId="1" xfId="0" applyNumberFormat="1" applyFont="1" applyFill="1" applyBorder="1" applyAlignment="1">
      <alignment horizontal="left" vertical="top"/>
    </xf>
    <xf numFmtId="3" fontId="6" fillId="2" borderId="0" xfId="0" applyNumberFormat="1" applyFont="1" applyFill="1" applyAlignment="1">
      <alignment horizontal="left" vertical="top"/>
    </xf>
    <xf numFmtId="165" fontId="6" fillId="0" borderId="0" xfId="0" applyNumberFormat="1" applyFont="1" applyAlignment="1">
      <alignment horizontal="left" vertical="top" wrapText="1" readingOrder="1"/>
    </xf>
    <xf numFmtId="0" fontId="7" fillId="0" borderId="0" xfId="0" applyFont="1" applyAlignment="1">
      <alignment horizontal="left" vertical="top" wrapText="1" readingOrder="1"/>
    </xf>
    <xf numFmtId="0" fontId="7" fillId="2" borderId="1" xfId="0" applyFont="1" applyFill="1" applyBorder="1" applyAlignment="1">
      <alignment horizontal="left" vertical="top" wrapText="1" readingOrder="1"/>
    </xf>
    <xf numFmtId="165" fontId="6" fillId="2" borderId="1" xfId="0" applyNumberFormat="1" applyFont="1" applyFill="1" applyBorder="1" applyAlignment="1">
      <alignment horizontal="left" vertical="top" wrapText="1" readingOrder="1"/>
    </xf>
    <xf numFmtId="0" fontId="7" fillId="2" borderId="0" xfId="0" applyFont="1" applyFill="1" applyAlignment="1">
      <alignment horizontal="left" vertical="top" wrapText="1" readingOrder="1"/>
    </xf>
    <xf numFmtId="165" fontId="6" fillId="2" borderId="0" xfId="0" applyNumberFormat="1" applyFont="1" applyFill="1" applyAlignment="1">
      <alignment horizontal="left" vertical="top" wrapText="1" readingOrder="1"/>
    </xf>
    <xf numFmtId="0" fontId="7" fillId="0" borderId="1" xfId="0" applyFont="1" applyBorder="1" applyAlignment="1">
      <alignment horizontal="left" wrapText="1" readingOrder="1"/>
    </xf>
    <xf numFmtId="166" fontId="6" fillId="0" borderId="0" xfId="3" applyNumberFormat="1" applyFont="1" applyFill="1" applyBorder="1" applyAlignment="1">
      <alignment horizontal="left" vertical="top"/>
    </xf>
    <xf numFmtId="166" fontId="6" fillId="2" borderId="0" xfId="3" applyNumberFormat="1" applyFont="1" applyFill="1" applyBorder="1" applyAlignment="1">
      <alignment horizontal="left" vertical="top"/>
    </xf>
    <xf numFmtId="0" fontId="9" fillId="0" borderId="0" xfId="0" applyFont="1" applyAlignment="1">
      <alignment vertical="center"/>
    </xf>
  </cellXfs>
  <cellStyles count="4">
    <cellStyle name="Currency" xfId="3" builtinId="4"/>
    <cellStyle name="Hyperlink" xfId="1" builtinId="8"/>
    <cellStyle name="Normal" xfId="0" builtinId="0"/>
    <cellStyle name="Percent" xfId="2" builtinId="5"/>
  </cellStyles>
  <dxfs count="9">
    <dxf>
      <font>
        <b val="0"/>
        <i val="0"/>
        <strike val="0"/>
        <condense val="0"/>
        <extend val="0"/>
        <outline val="0"/>
        <shadow val="0"/>
        <u val="none"/>
        <vertAlign val="baseline"/>
        <sz val="9"/>
        <color rgb="FF000000"/>
        <name val="Arial (Body)"/>
        <scheme val="none"/>
      </font>
      <numFmt numFmtId="166" formatCode="_-&quot;$&quot;* #,##0_-;\-&quot;$&quot;* #,##0_-;_-&quot;$&quot;* &quot;-&quot;??_-;_-@_-"/>
      <fill>
        <patternFill patternType="none">
          <fgColor indexed="64"/>
        </patternFill>
      </fill>
      <alignment horizontal="left" vertical="top" textRotation="0" wrapText="0" indent="0" justifyLastLine="0" shrinkToFit="0" readingOrder="0"/>
    </dxf>
    <dxf>
      <font>
        <b val="0"/>
        <i val="0"/>
        <strike val="0"/>
        <condense val="0"/>
        <extend val="0"/>
        <outline val="0"/>
        <shadow val="0"/>
        <u val="none"/>
        <vertAlign val="baseline"/>
        <sz val="9"/>
        <color rgb="FF000000"/>
        <name val="Arial (Body)"/>
        <scheme val="none"/>
      </font>
      <numFmt numFmtId="166" formatCode="_-&quot;$&quot;* #,##0_-;\-&quot;$&quot;* #,##0_-;_-&quot;$&quot;* &quot;-&quot;??_-;_-@_-"/>
      <fill>
        <patternFill patternType="none">
          <fgColor indexed="64"/>
        </patternFill>
      </fill>
      <alignment horizontal="left" vertical="top" textRotation="0" wrapText="0" indent="0" justifyLastLine="0" shrinkToFit="0" readingOrder="0"/>
    </dxf>
    <dxf>
      <font>
        <b val="0"/>
        <i val="0"/>
        <strike val="0"/>
        <condense val="0"/>
        <extend val="0"/>
        <outline val="0"/>
        <shadow val="0"/>
        <u val="none"/>
        <vertAlign val="baseline"/>
        <sz val="9"/>
        <color rgb="FF000000"/>
        <name val="Arial (Body)"/>
        <scheme val="none"/>
      </font>
      <numFmt numFmtId="166" formatCode="_-&quot;$&quot;* #,##0_-;\-&quot;$&quot;* #,##0_-;_-&quot;$&quot;* &quot;-&quot;??_-;_-@_-"/>
      <fill>
        <patternFill patternType="none">
          <fgColor indexed="64"/>
        </patternFill>
      </fill>
      <alignment horizontal="left" vertical="top" textRotation="0" wrapText="0" indent="0" justifyLastLine="0" shrinkToFit="0" readingOrder="0"/>
    </dxf>
    <dxf>
      <font>
        <b val="0"/>
        <i val="0"/>
        <strike val="0"/>
        <condense val="0"/>
        <extend val="0"/>
        <outline val="0"/>
        <shadow val="0"/>
        <u val="none"/>
        <vertAlign val="baseline"/>
        <sz val="9"/>
        <color rgb="FF000000"/>
        <name val="Arial (Body)"/>
        <scheme val="none"/>
      </font>
      <numFmt numFmtId="166" formatCode="_-&quot;$&quot;* #,##0_-;\-&quot;$&quot;* #,##0_-;_-&quot;$&quot;* &quot;-&quot;??_-;_-@_-"/>
      <fill>
        <patternFill patternType="none">
          <fgColor indexed="64"/>
        </patternFill>
      </fill>
      <alignment horizontal="left" vertical="top" textRotation="0" wrapText="0" indent="0" justifyLastLine="0" shrinkToFit="0" readingOrder="0"/>
    </dxf>
    <dxf>
      <font>
        <b/>
        <i val="0"/>
        <strike val="0"/>
        <condense val="0"/>
        <extend val="0"/>
        <outline val="0"/>
        <shadow val="0"/>
        <u val="none"/>
        <vertAlign val="baseline"/>
        <sz val="9"/>
        <color rgb="FF265A9A"/>
        <name val="Arial (Body)"/>
        <scheme val="none"/>
      </font>
      <fill>
        <patternFill patternType="none">
          <fgColor indexed="64"/>
        </patternFill>
      </fill>
      <alignment horizontal="left" vertical="top" textRotation="0" wrapText="0" indent="0" justifyLastLine="0" shrinkToFit="0" readingOrder="0"/>
    </dxf>
    <dxf>
      <border diagonalUp="0" diagonalDown="0">
        <left/>
        <right/>
        <top/>
        <bottom style="thin">
          <color rgb="FFB3B3B3"/>
        </bottom>
      </border>
    </dxf>
    <dxf>
      <font>
        <b val="0"/>
        <i val="0"/>
        <strike val="0"/>
        <condense val="0"/>
        <extend val="0"/>
        <outline val="0"/>
        <shadow val="0"/>
        <u val="none"/>
        <vertAlign val="baseline"/>
        <sz val="9"/>
        <color rgb="FF000000"/>
        <name val="Arial (Body)"/>
        <scheme val="none"/>
      </font>
      <fill>
        <patternFill patternType="none">
          <fgColor indexed="64"/>
        </patternFill>
      </fill>
      <alignment horizontal="left" vertical="top" textRotation="0" wrapText="0" indent="0" justifyLastLine="0" shrinkToFit="0" readingOrder="0"/>
    </dxf>
    <dxf>
      <border>
        <bottom style="thin">
          <color rgb="FFB3B3B3"/>
        </bottom>
      </border>
    </dxf>
    <dxf>
      <font>
        <b/>
        <i val="0"/>
        <strike val="0"/>
        <condense val="0"/>
        <extend val="0"/>
        <outline val="0"/>
        <shadow val="0"/>
        <u val="none"/>
        <vertAlign val="baseline"/>
        <sz val="9"/>
        <color rgb="FF265A9A"/>
        <name val="Arial (Body)"/>
        <scheme val="none"/>
      </font>
      <fill>
        <patternFill patternType="none">
          <fgColor indexed="64"/>
          <bgColor rgb="FF4E5C68"/>
        </patternFill>
      </fill>
      <alignment horizontal="left" vertical="bottom" textRotation="0" wrapText="1" indent="0" justifyLastLine="0" shrinkToFit="0" readingOrder="0"/>
      <border diagonalUp="0" diagonalDown="0" outline="0">
        <left style="medium">
          <color rgb="FF0C1F30"/>
        </left>
        <right style="medium">
          <color rgb="FF0C1F30"/>
        </right>
        <top/>
        <bottom/>
      </border>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theme" Target="theme/theme1.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sharedStrings" Target="sharedStrings.xml"/><Relationship Id="rId4" Type="http://schemas.openxmlformats.org/officeDocument/2006/relationships/worksheet" Target="worksheets/sheet4.xml"/><Relationship Id="rId9" Type="http://schemas.openxmlformats.org/officeDocument/2006/relationships/styles" Target="styles.xml"/><Relationship Id="rId14"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xdr:from>
      <xdr:col>0</xdr:col>
      <xdr:colOff>104775</xdr:colOff>
      <xdr:row>0</xdr:row>
      <xdr:rowOff>161925</xdr:rowOff>
    </xdr:from>
    <xdr:to>
      <xdr:col>2</xdr:col>
      <xdr:colOff>397386</xdr:colOff>
      <xdr:row>0</xdr:row>
      <xdr:rowOff>527686</xdr:rowOff>
    </xdr:to>
    <xdr:pic>
      <xdr:nvPicPr>
        <xdr:cNvPr id="4" name="Picture 3" descr="Australian Government Productivity Commssion logo">
          <a:extLst>
            <a:ext uri="{FF2B5EF4-FFF2-40B4-BE49-F238E27FC236}">
              <a16:creationId xmlns:a16="http://schemas.microsoft.com/office/drawing/2014/main" id="{F61E1EB3-77B5-46D9-B219-2DC349D2A184}"/>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104775" y="161925"/>
          <a:ext cx="1511811" cy="365761"/>
        </a:xfrm>
        <a:prstGeom prst="rect">
          <a:avLst/>
        </a:prstGeom>
      </xdr:spPr>
    </xdr:pic>
    <xdr:clientData/>
  </xdr:twoCellAnchor>
</xdr:wsDr>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EF1C518F-C4BD-498C-B1F3-9452A9006EAE}" name="Table2" displayName="Table2" ref="A4:E20" totalsRowShown="0" headerRowDxfId="8" dataDxfId="6" headerRowBorderDxfId="7" tableBorderDxfId="5" dataCellStyle="Currency">
  <tableColumns count="5">
    <tableColumn id="1" xr3:uid="{C0027FAB-45C9-4CC8-9570-BFBB8823356A}" name="Years after intervention" dataDxfId="4"/>
    <tableColumn id="2" xr3:uid="{C4E74517-FBB5-4009-8B97-1D6B098BBE7E}" name="Total cost" dataDxfId="3" dataCellStyle="Currency"/>
    <tableColumn id="3" xr3:uid="{14A18C1E-AFC4-418A-879E-C43E38E00E1D}" name="Fit cumulative benefit ($m)" dataDxfId="2" dataCellStyle="Currency"/>
    <tableColumn id="4" xr3:uid="{249BD07D-1E21-4956-A2AA-78B007A4D096}" name="Lower" dataDxfId="1" dataCellStyle="Currency"/>
    <tableColumn id="5" xr3:uid="{CC8689F1-28B0-4D77-9BD4-7A2247F74DA6}" name="Upper" dataDxfId="0" dataCellStyle="Currency"/>
  </tableColumns>
  <tableStyleInfo name="TableStyleLight1" showFirstColumn="0" showLastColumn="0" showRowStripes="1" showColumnStripes="0"/>
</table>
</file>

<file path=xl/theme/theme1.xml><?xml version="1.0" encoding="utf-8"?>
<a:theme xmlns:a="http://schemas.openxmlformats.org/drawingml/2006/main" name="ProdCommTheme-new">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printerSettings" Target="../printerSettings/printerSettings1.bin"/><Relationship Id="rId1" Type="http://schemas.openxmlformats.org/officeDocument/2006/relationships/hyperlink" Target="https://www.pc.gov.au/inquiries/current/quality-care" TargetMode="Externa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6.xml.rels><?xml version="1.0" encoding="UTF-8" standalone="yes"?>
<Relationships xmlns="http://schemas.openxmlformats.org/package/2006/relationships"><Relationship Id="rId1" Type="http://schemas.openxmlformats.org/officeDocument/2006/relationships/table" Target="../tables/table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tabColor theme="2"/>
  </sheetPr>
  <dimension ref="A1:D8"/>
  <sheetViews>
    <sheetView showGridLines="0" tabSelected="1" workbookViewId="0"/>
  </sheetViews>
  <sheetFormatPr defaultColWidth="9.21875" defaultRowHeight="13.2"/>
  <sheetData>
    <row r="1" spans="1:4" ht="54.75" customHeight="1"/>
    <row r="2" spans="1:4" ht="15.6">
      <c r="A2" s="2" t="s">
        <v>0</v>
      </c>
    </row>
    <row r="3" spans="1:4" ht="15.6">
      <c r="A3" s="2"/>
    </row>
    <row r="4" spans="1:4">
      <c r="A4" t="s">
        <v>1</v>
      </c>
    </row>
    <row r="6" spans="1:4">
      <c r="A6" t="s">
        <v>2</v>
      </c>
    </row>
    <row r="8" spans="1:4">
      <c r="A8" t="s">
        <v>3</v>
      </c>
      <c r="D8" s="12" t="s">
        <v>4</v>
      </c>
    </row>
  </sheetData>
  <hyperlinks>
    <hyperlink ref="D8" r:id="rId1" location="interim" xr:uid="{5EC81002-32D5-4A77-BE92-31D3C82DA629}"/>
  </hyperlinks>
  <pageMargins left="0.7" right="0.7" top="0.75" bottom="0.75" header="0.3" footer="0.3"/>
  <pageSetup paperSize="9" orientation="portrait" r:id="rId2"/>
  <headerFooter>
    <oddHeader>&amp;C&amp;"Calibri"&amp;12&amp;K000000  OFFICIAL&amp;1#_x000D_</oddHeader>
  </headerFooter>
  <drawing r:id="rId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03277C-7EA0-4C9D-B7FB-0186E4D75225}">
  <sheetPr>
    <tabColor theme="2" tint="0.79998168889431442"/>
  </sheetPr>
  <dimension ref="A1:B8"/>
  <sheetViews>
    <sheetView showGridLines="0" workbookViewId="0"/>
  </sheetViews>
  <sheetFormatPr defaultRowHeight="13.2"/>
  <cols>
    <col min="1" max="1" width="15.77734375" customWidth="1"/>
  </cols>
  <sheetData>
    <row r="1" spans="1:2" ht="15.6">
      <c r="A1" s="2" t="s">
        <v>5</v>
      </c>
    </row>
    <row r="3" spans="1:2">
      <c r="A3" s="1" t="s">
        <v>6</v>
      </c>
      <c r="B3" s="1" t="s">
        <v>7</v>
      </c>
    </row>
    <row r="4" spans="1:2">
      <c r="A4" s="11" t="s">
        <v>8</v>
      </c>
      <c r="B4" t="s">
        <v>9</v>
      </c>
    </row>
    <row r="5" spans="1:2">
      <c r="A5" s="11" t="s">
        <v>10</v>
      </c>
      <c r="B5" t="s">
        <v>11</v>
      </c>
    </row>
    <row r="6" spans="1:2">
      <c r="A6" s="11" t="s">
        <v>12</v>
      </c>
      <c r="B6" t="s">
        <v>13</v>
      </c>
    </row>
    <row r="7" spans="1:2">
      <c r="A7" s="11" t="s">
        <v>14</v>
      </c>
      <c r="B7" t="s">
        <v>15</v>
      </c>
    </row>
    <row r="8" spans="1:2">
      <c r="A8" s="11" t="s">
        <v>16</v>
      </c>
      <c r="B8" t="s">
        <v>17</v>
      </c>
    </row>
  </sheetData>
  <hyperlinks>
    <hyperlink ref="A5" location="'Figure 2'!A1" display="Figure 2" xr:uid="{03E4D889-76F3-495A-BDEA-D5AC190259E9}"/>
    <hyperlink ref="A4" location="'Figure 1'!A1" display="Figure 1" xr:uid="{766BDB49-EC28-4609-9CF7-296DD51F717F}"/>
    <hyperlink ref="A6" location="'Figure 1.4'!A1" display="Figure 1.4" xr:uid="{A7D42499-A4A9-4A0E-8D0B-B3FB8E16F239}"/>
    <hyperlink ref="A7" location="'Figure 3.3'!A1" display="Figure 3.3" xr:uid="{99675F93-1052-4A22-8665-B4C3FBA7586D}"/>
    <hyperlink ref="A8" location="'Figure 3.4'!A1" display="Figure 3.4" xr:uid="{29BB8A91-A13F-45C2-80F8-25906650312D}"/>
  </hyperlinks>
  <pageMargins left="0.7" right="0.7" top="0.75" bottom="0.75" header="0.3" footer="0.3"/>
  <pageSetup paperSize="9" orientation="portrait" r:id="rId1"/>
  <headerFooter>
    <oddHeader>&amp;C&amp;"Calibri"&amp;12&amp;K000000  OFFICIAL&amp;1#_x000D_</oddHeader>
  </headerFooter>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B10"/>
  <sheetViews>
    <sheetView workbookViewId="0"/>
  </sheetViews>
  <sheetFormatPr defaultRowHeight="13.2"/>
  <cols>
    <col min="1" max="1" width="77.21875" bestFit="1" customWidth="1"/>
    <col min="2" max="2" width="10.21875" bestFit="1" customWidth="1"/>
  </cols>
  <sheetData>
    <row r="1" spans="1:2">
      <c r="A1" s="1" t="s">
        <v>18</v>
      </c>
    </row>
    <row r="3" spans="1:2">
      <c r="A3" s="7"/>
      <c r="B3" s="7" t="s">
        <v>19</v>
      </c>
    </row>
    <row r="4" spans="1:2">
      <c r="A4" s="6" t="s">
        <v>20</v>
      </c>
      <c r="B4" s="18">
        <v>22000000</v>
      </c>
    </row>
    <row r="5" spans="1:2">
      <c r="A5" s="3" t="s">
        <v>21</v>
      </c>
      <c r="B5" s="16">
        <v>410000</v>
      </c>
    </row>
    <row r="6" spans="1:2">
      <c r="A6" s="6" t="s">
        <v>22</v>
      </c>
      <c r="B6" s="18">
        <v>835000</v>
      </c>
    </row>
    <row r="7" spans="1:2">
      <c r="A7" s="3" t="s">
        <v>23</v>
      </c>
      <c r="B7" s="16">
        <v>717000</v>
      </c>
    </row>
    <row r="8" spans="1:2">
      <c r="A8" s="4" t="s">
        <v>24</v>
      </c>
      <c r="B8" s="17">
        <v>1400000</v>
      </c>
    </row>
    <row r="10" spans="1:2">
      <c r="A10" t="s">
        <v>25</v>
      </c>
    </row>
  </sheetData>
  <pageMargins left="0.7" right="0.7" top="0.75" bottom="0.75" header="0.3" footer="0.3"/>
  <pageSetup paperSize="9" orientation="portrait" r:id="rId1"/>
  <headerFooter>
    <oddHeader>&amp;C&amp;"Calibri"&amp;12&amp;K000000  OFFICIAL&amp;1#_x000D_</oddHeader>
  </headerFooter>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E70"/>
  <sheetViews>
    <sheetView workbookViewId="0"/>
  </sheetViews>
  <sheetFormatPr defaultRowHeight="13.2"/>
  <cols>
    <col min="1" max="1" width="18.77734375" customWidth="1"/>
    <col min="2" max="5" width="14.5546875" customWidth="1"/>
  </cols>
  <sheetData>
    <row r="1" spans="1:5">
      <c r="A1" s="1" t="s">
        <v>26</v>
      </c>
    </row>
    <row r="2" spans="1:5" ht="15.6">
      <c r="A2" t="s">
        <v>27</v>
      </c>
    </row>
    <row r="4" spans="1:5" ht="36">
      <c r="A4" s="7" t="s">
        <v>28</v>
      </c>
      <c r="B4" s="13" t="s">
        <v>29</v>
      </c>
      <c r="C4" s="13" t="s">
        <v>30</v>
      </c>
      <c r="D4" s="13" t="s">
        <v>31</v>
      </c>
      <c r="E4" s="13" t="s">
        <v>32</v>
      </c>
    </row>
    <row r="5" spans="1:5">
      <c r="A5" s="6" t="s">
        <v>33</v>
      </c>
      <c r="B5" s="10">
        <v>5.9000000000000004E-2</v>
      </c>
      <c r="C5" s="10">
        <v>7.2303099958496958E-2</v>
      </c>
      <c r="D5" s="10"/>
      <c r="E5" s="10"/>
    </row>
    <row r="6" spans="1:5">
      <c r="A6" s="3" t="s">
        <v>34</v>
      </c>
      <c r="B6" s="8">
        <v>0.06</v>
      </c>
      <c r="C6" s="8">
        <v>7.5067767861388968E-2</v>
      </c>
      <c r="D6" s="8"/>
      <c r="E6" s="8"/>
    </row>
    <row r="7" spans="1:5">
      <c r="A7" s="6" t="s">
        <v>35</v>
      </c>
      <c r="B7" s="10">
        <v>5.9000000000000004E-2</v>
      </c>
      <c r="C7" s="10">
        <v>7.541176652876555E-2</v>
      </c>
      <c r="D7" s="10"/>
      <c r="E7" s="10"/>
    </row>
    <row r="8" spans="1:5">
      <c r="A8" s="3" t="s">
        <v>36</v>
      </c>
      <c r="B8" s="8">
        <v>5.9000000000000004E-2</v>
      </c>
      <c r="C8" s="8">
        <v>8.0052940064284359E-2</v>
      </c>
      <c r="D8" s="8"/>
      <c r="E8" s="8"/>
    </row>
    <row r="9" spans="1:5">
      <c r="A9" s="6" t="s">
        <v>37</v>
      </c>
      <c r="B9" s="10">
        <v>5.9000000000000004E-2</v>
      </c>
      <c r="C9" s="10">
        <v>7.942307692307693E-2</v>
      </c>
      <c r="D9" s="10"/>
      <c r="E9" s="10"/>
    </row>
    <row r="10" spans="1:5">
      <c r="A10" s="3" t="s">
        <v>38</v>
      </c>
      <c r="B10" s="8">
        <v>6.2E-2</v>
      </c>
      <c r="C10" s="8">
        <v>7.9279903063873988E-2</v>
      </c>
      <c r="D10" s="8"/>
      <c r="E10" s="8"/>
    </row>
    <row r="11" spans="1:5">
      <c r="A11" s="6" t="s">
        <v>39</v>
      </c>
      <c r="B11" s="10">
        <v>6.0999999999999999E-2</v>
      </c>
      <c r="C11" s="10">
        <v>8.3723220881556273E-2</v>
      </c>
      <c r="D11" s="10"/>
      <c r="E11" s="10"/>
    </row>
    <row r="12" spans="1:5">
      <c r="A12" s="3" t="s">
        <v>40</v>
      </c>
      <c r="B12" s="8">
        <v>6.6000000000000003E-2</v>
      </c>
      <c r="C12" s="8">
        <v>8.4307027328499734E-2</v>
      </c>
      <c r="D12" s="8"/>
      <c r="E12" s="8"/>
    </row>
    <row r="13" spans="1:5">
      <c r="A13" s="6" t="s">
        <v>41</v>
      </c>
      <c r="B13" s="10">
        <v>6.7000000000000004E-2</v>
      </c>
      <c r="C13" s="10">
        <v>8.6660048608496215E-2</v>
      </c>
      <c r="D13" s="10"/>
      <c r="E13" s="10"/>
    </row>
    <row r="14" spans="1:5">
      <c r="A14" s="3" t="s">
        <v>42</v>
      </c>
      <c r="B14" s="8">
        <v>6.6000000000000003E-2</v>
      </c>
      <c r="C14" s="8">
        <v>8.9792283665360142E-2</v>
      </c>
      <c r="D14" s="8"/>
      <c r="E14" s="8"/>
    </row>
    <row r="15" spans="1:5">
      <c r="A15" s="6" t="s">
        <v>43</v>
      </c>
      <c r="B15" s="10">
        <v>6.8000000000000005E-2</v>
      </c>
      <c r="C15" s="10">
        <v>9.1214980615902289E-2</v>
      </c>
      <c r="D15" s="10"/>
      <c r="E15" s="10"/>
    </row>
    <row r="16" spans="1:5">
      <c r="A16" s="3" t="s">
        <v>44</v>
      </c>
      <c r="B16" s="8">
        <v>6.9000000000000006E-2</v>
      </c>
      <c r="C16" s="8">
        <v>9.0992798184747953E-2</v>
      </c>
      <c r="D16" s="8"/>
      <c r="E16" s="8"/>
    </row>
    <row r="17" spans="1:5">
      <c r="A17" s="6" t="s">
        <v>45</v>
      </c>
      <c r="B17" s="10">
        <v>7.2999999999999995E-2</v>
      </c>
      <c r="C17" s="10">
        <v>9.5815177923021064E-2</v>
      </c>
      <c r="D17" s="10"/>
      <c r="E17" s="10"/>
    </row>
    <row r="18" spans="1:5">
      <c r="A18" s="3" t="s">
        <v>46</v>
      </c>
      <c r="B18" s="8">
        <v>7.400000000000001E-2</v>
      </c>
      <c r="C18" s="8">
        <v>9.9370326643053938E-2</v>
      </c>
      <c r="D18" s="8"/>
      <c r="E18" s="8"/>
    </row>
    <row r="19" spans="1:5">
      <c r="A19" s="6" t="s">
        <v>47</v>
      </c>
      <c r="B19" s="10">
        <v>7.400000000000001E-2</v>
      </c>
      <c r="C19" s="10">
        <v>0.10217178560674496</v>
      </c>
      <c r="D19" s="10"/>
      <c r="E19" s="10"/>
    </row>
    <row r="20" spans="1:5">
      <c r="A20" s="3" t="s">
        <v>48</v>
      </c>
      <c r="B20" s="8">
        <v>7.4999999999999997E-2</v>
      </c>
      <c r="C20" s="8">
        <v>0.10189923664122137</v>
      </c>
      <c r="D20" s="8"/>
      <c r="E20" s="8"/>
    </row>
    <row r="21" spans="1:5">
      <c r="A21" s="6" t="s">
        <v>49</v>
      </c>
      <c r="B21" s="10">
        <v>7.6999999999999999E-2</v>
      </c>
      <c r="C21" s="10">
        <v>0.10060100709296659</v>
      </c>
      <c r="D21" s="10"/>
      <c r="E21" s="10"/>
    </row>
    <row r="22" spans="1:5">
      <c r="A22" s="3" t="s">
        <v>50</v>
      </c>
      <c r="B22" s="8">
        <v>7.8E-2</v>
      </c>
      <c r="C22" s="8">
        <v>0.102351289282357</v>
      </c>
      <c r="D22" s="8"/>
      <c r="E22" s="8"/>
    </row>
    <row r="23" spans="1:5">
      <c r="A23" s="6" t="s">
        <v>51</v>
      </c>
      <c r="B23" s="10">
        <v>8.1000000000000003E-2</v>
      </c>
      <c r="C23" s="10">
        <v>0.10855912859389971</v>
      </c>
      <c r="D23" s="10"/>
      <c r="E23" s="10"/>
    </row>
    <row r="24" spans="1:5">
      <c r="A24" s="3" t="s">
        <v>52</v>
      </c>
      <c r="B24" s="8">
        <v>8.1000000000000003E-2</v>
      </c>
      <c r="C24" s="8">
        <v>0.11816433566433567</v>
      </c>
      <c r="D24" s="8"/>
      <c r="E24" s="8"/>
    </row>
    <row r="25" spans="1:5">
      <c r="A25" s="6" t="s">
        <v>53</v>
      </c>
      <c r="B25" s="10">
        <v>8.1000000000000003E-2</v>
      </c>
      <c r="C25" s="10">
        <v>0.12214289761459575</v>
      </c>
      <c r="D25" s="10">
        <v>8.1000000000000003E-2</v>
      </c>
      <c r="E25" s="10">
        <v>0.12214289761459575</v>
      </c>
    </row>
    <row r="26" spans="1:5">
      <c r="A26" s="3" t="s">
        <v>54</v>
      </c>
      <c r="B26" s="8"/>
      <c r="C26" s="8"/>
      <c r="D26" s="8">
        <v>8.4000000000000005E-2</v>
      </c>
      <c r="E26" s="8">
        <v>0.12522869254796964</v>
      </c>
    </row>
    <row r="27" spans="1:5">
      <c r="A27" s="6" t="s">
        <v>55</v>
      </c>
      <c r="B27" s="10"/>
      <c r="C27" s="10"/>
      <c r="D27" s="10">
        <v>8.5999999999999993E-2</v>
      </c>
      <c r="E27" s="10">
        <v>0.12670077403135818</v>
      </c>
    </row>
    <row r="28" spans="1:5">
      <c r="A28" s="3" t="s">
        <v>56</v>
      </c>
      <c r="B28" s="8"/>
      <c r="C28" s="8"/>
      <c r="D28" s="8">
        <v>9.0999999999999998E-2</v>
      </c>
      <c r="E28" s="8">
        <v>0.13148271095680192</v>
      </c>
    </row>
    <row r="29" spans="1:5">
      <c r="A29" s="6" t="s">
        <v>57</v>
      </c>
      <c r="B29" s="10"/>
      <c r="C29" s="10"/>
      <c r="D29" s="10">
        <v>0.09</v>
      </c>
      <c r="E29" s="10">
        <v>0.12807203616807011</v>
      </c>
    </row>
    <row r="30" spans="1:5">
      <c r="A30" s="3" t="s">
        <v>58</v>
      </c>
      <c r="B30" s="8"/>
      <c r="C30" s="8"/>
      <c r="D30" s="8">
        <v>9.1999999999999998E-2</v>
      </c>
      <c r="E30" s="8">
        <v>0.12871569518095197</v>
      </c>
    </row>
    <row r="31" spans="1:5">
      <c r="A31" s="6" t="s">
        <v>59</v>
      </c>
      <c r="B31" s="10"/>
      <c r="C31" s="10"/>
      <c r="D31" s="10">
        <v>9.1999999999999998E-2</v>
      </c>
      <c r="E31" s="10">
        <v>0.12861309442917029</v>
      </c>
    </row>
    <row r="32" spans="1:5">
      <c r="A32" s="3" t="s">
        <v>60</v>
      </c>
      <c r="B32" s="8"/>
      <c r="C32" s="8"/>
      <c r="D32" s="8">
        <v>9.4E-2</v>
      </c>
      <c r="E32" s="8">
        <v>0.12831630285720177</v>
      </c>
    </row>
    <row r="33" spans="1:5">
      <c r="A33" s="6" t="s">
        <v>61</v>
      </c>
      <c r="B33" s="10"/>
      <c r="C33" s="10"/>
      <c r="D33" s="10">
        <v>9.5000000000000001E-2</v>
      </c>
      <c r="E33" s="10">
        <v>0.12821609947177273</v>
      </c>
    </row>
    <row r="34" spans="1:5">
      <c r="A34" s="3" t="s">
        <v>62</v>
      </c>
      <c r="B34" s="8"/>
      <c r="C34" s="8"/>
      <c r="D34" s="8">
        <v>9.6000000000000002E-2</v>
      </c>
      <c r="E34" s="8">
        <v>0.12799995979111486</v>
      </c>
    </row>
    <row r="35" spans="1:5">
      <c r="A35" s="6" t="s">
        <v>63</v>
      </c>
      <c r="B35" s="10"/>
      <c r="C35" s="10"/>
      <c r="D35" s="10">
        <v>9.6999999999999989E-2</v>
      </c>
      <c r="E35" s="10">
        <v>0.12828448963317385</v>
      </c>
    </row>
    <row r="36" spans="1:5">
      <c r="A36" s="3" t="s">
        <v>64</v>
      </c>
      <c r="B36" s="8"/>
      <c r="C36" s="8"/>
      <c r="D36" s="8">
        <v>9.8000000000000004E-2</v>
      </c>
      <c r="E36" s="8">
        <v>0.12801062573789845</v>
      </c>
    </row>
    <row r="37" spans="1:5">
      <c r="A37" s="6" t="s">
        <v>65</v>
      </c>
      <c r="B37" s="10"/>
      <c r="C37" s="10"/>
      <c r="D37" s="10">
        <v>9.9000000000000005E-2</v>
      </c>
      <c r="E37" s="10">
        <v>0.1283445386339277</v>
      </c>
    </row>
    <row r="38" spans="1:5">
      <c r="A38" s="3" t="s">
        <v>66</v>
      </c>
      <c r="B38" s="8"/>
      <c r="C38" s="8"/>
      <c r="D38" s="8">
        <v>0.1</v>
      </c>
      <c r="E38" s="8">
        <v>0.12869908712093842</v>
      </c>
    </row>
    <row r="39" spans="1:5">
      <c r="A39" s="6" t="s">
        <v>67</v>
      </c>
      <c r="B39" s="10"/>
      <c r="C39" s="10"/>
      <c r="D39" s="10">
        <v>0.10199999999999999</v>
      </c>
      <c r="E39" s="10">
        <v>0.12929825063704298</v>
      </c>
    </row>
    <row r="40" spans="1:5">
      <c r="A40" s="3" t="s">
        <v>68</v>
      </c>
      <c r="B40" s="8"/>
      <c r="C40" s="8"/>
      <c r="D40" s="8">
        <v>0.10300000000000001</v>
      </c>
      <c r="E40" s="8">
        <v>0.12960536857086305</v>
      </c>
    </row>
    <row r="41" spans="1:5">
      <c r="A41" s="6" t="s">
        <v>69</v>
      </c>
      <c r="B41" s="10"/>
      <c r="C41" s="10"/>
      <c r="D41" s="10">
        <v>0.105</v>
      </c>
      <c r="E41" s="10">
        <v>0.13023290506647772</v>
      </c>
    </row>
    <row r="42" spans="1:5">
      <c r="A42" s="3" t="s">
        <v>70</v>
      </c>
      <c r="B42" s="8"/>
      <c r="C42" s="8"/>
      <c r="D42" s="8">
        <v>0.107</v>
      </c>
      <c r="E42" s="8">
        <v>0.13117487828087326</v>
      </c>
    </row>
    <row r="43" spans="1:5">
      <c r="A43" s="6" t="s">
        <v>71</v>
      </c>
      <c r="B43" s="10"/>
      <c r="C43" s="10"/>
      <c r="D43" s="10">
        <v>0.109</v>
      </c>
      <c r="E43" s="10">
        <v>0.13192675958633407</v>
      </c>
    </row>
    <row r="44" spans="1:5">
      <c r="A44" s="3" t="s">
        <v>72</v>
      </c>
      <c r="B44" s="8"/>
      <c r="C44" s="8"/>
      <c r="D44" s="8">
        <v>0.111</v>
      </c>
      <c r="E44" s="8">
        <v>0.13338950496484744</v>
      </c>
    </row>
    <row r="45" spans="1:5">
      <c r="A45" s="6" t="s">
        <v>73</v>
      </c>
      <c r="B45" s="10"/>
      <c r="C45" s="10"/>
      <c r="D45" s="10">
        <v>0.113</v>
      </c>
      <c r="E45" s="10">
        <v>0.13482217822137813</v>
      </c>
    </row>
    <row r="46" spans="1:5">
      <c r="A46" s="3" t="s">
        <v>74</v>
      </c>
      <c r="B46" s="8"/>
      <c r="C46" s="8"/>
      <c r="D46" s="8">
        <v>0.115</v>
      </c>
      <c r="E46" s="8">
        <v>0.13601004654960483</v>
      </c>
    </row>
    <row r="47" spans="1:5">
      <c r="A47" s="6" t="s">
        <v>75</v>
      </c>
      <c r="B47" s="10"/>
      <c r="C47" s="10"/>
      <c r="D47" s="10">
        <v>0.11800000000000001</v>
      </c>
      <c r="E47" s="10">
        <v>0.13780311574792051</v>
      </c>
    </row>
    <row r="48" spans="1:5">
      <c r="A48" s="3" t="s">
        <v>76</v>
      </c>
      <c r="B48" s="8"/>
      <c r="C48" s="8"/>
      <c r="D48" s="8">
        <v>0.12</v>
      </c>
      <c r="E48" s="8">
        <v>0.1390940766550523</v>
      </c>
    </row>
    <row r="49" spans="1:5">
      <c r="A49" s="6" t="s">
        <v>77</v>
      </c>
      <c r="B49" s="10"/>
      <c r="C49" s="10"/>
      <c r="D49" s="10">
        <v>0.122</v>
      </c>
      <c r="E49" s="10">
        <v>0.14096836277923144</v>
      </c>
    </row>
    <row r="50" spans="1:5">
      <c r="A50" s="3" t="s">
        <v>78</v>
      </c>
      <c r="B50" s="8"/>
      <c r="C50" s="8"/>
      <c r="D50" s="8">
        <v>0.125</v>
      </c>
      <c r="E50" s="8">
        <v>0.14259370443434258</v>
      </c>
    </row>
    <row r="51" spans="1:5">
      <c r="A51" s="6" t="s">
        <v>79</v>
      </c>
      <c r="B51" s="10"/>
      <c r="C51" s="10"/>
      <c r="D51" s="10">
        <v>0.127</v>
      </c>
      <c r="E51" s="10">
        <v>0.14404519198097179</v>
      </c>
    </row>
    <row r="52" spans="1:5">
      <c r="A52" s="3" t="s">
        <v>80</v>
      </c>
      <c r="B52" s="8"/>
      <c r="C52" s="8"/>
      <c r="D52" s="8">
        <v>0.13</v>
      </c>
      <c r="E52" s="8">
        <v>0.14581988617906758</v>
      </c>
    </row>
    <row r="53" spans="1:5">
      <c r="A53" s="6" t="s">
        <v>81</v>
      </c>
      <c r="B53" s="10"/>
      <c r="C53" s="10"/>
      <c r="D53" s="10">
        <v>0.13200000000000001</v>
      </c>
      <c r="E53" s="10">
        <v>0.14767508129672466</v>
      </c>
    </row>
    <row r="54" spans="1:5">
      <c r="A54" s="3" t="s">
        <v>82</v>
      </c>
      <c r="B54" s="8"/>
      <c r="C54" s="8"/>
      <c r="D54" s="8">
        <v>0.13500000000000001</v>
      </c>
      <c r="E54" s="8">
        <v>0.14907211358824266</v>
      </c>
    </row>
    <row r="55" spans="1:5">
      <c r="A55" s="6" t="s">
        <v>83</v>
      </c>
      <c r="B55" s="10"/>
      <c r="C55" s="10"/>
      <c r="D55" s="10">
        <v>0.13699999999999998</v>
      </c>
      <c r="E55" s="10">
        <v>0.1508847184986595</v>
      </c>
    </row>
    <row r="56" spans="1:5">
      <c r="A56" s="3" t="s">
        <v>84</v>
      </c>
      <c r="B56" s="8"/>
      <c r="C56" s="8"/>
      <c r="D56" s="8">
        <v>0.14000000000000001</v>
      </c>
      <c r="E56" s="8">
        <v>0.15280464216634429</v>
      </c>
    </row>
    <row r="57" spans="1:5">
      <c r="A57" s="6" t="s">
        <v>85</v>
      </c>
      <c r="B57" s="10"/>
      <c r="C57" s="10"/>
      <c r="D57" s="10">
        <v>0.14300000000000002</v>
      </c>
      <c r="E57" s="10">
        <v>0.15476074139222776</v>
      </c>
    </row>
    <row r="58" spans="1:5">
      <c r="A58" s="3" t="s">
        <v>86</v>
      </c>
      <c r="B58" s="8"/>
      <c r="C58" s="8"/>
      <c r="D58" s="8">
        <v>0.14599999999999999</v>
      </c>
      <c r="E58" s="8">
        <v>0.15691835859423678</v>
      </c>
    </row>
    <row r="59" spans="1:5">
      <c r="A59" s="6" t="s">
        <v>87</v>
      </c>
      <c r="B59" s="10"/>
      <c r="C59" s="10"/>
      <c r="D59" s="10">
        <v>0.14899999999999999</v>
      </c>
      <c r="E59" s="10">
        <v>0.1588705466522071</v>
      </c>
    </row>
    <row r="60" spans="1:5">
      <c r="A60" s="3" t="s">
        <v>88</v>
      </c>
      <c r="B60" s="8"/>
      <c r="C60" s="8"/>
      <c r="D60" s="8">
        <v>0.152</v>
      </c>
      <c r="E60" s="8">
        <v>0.1609438119720896</v>
      </c>
    </row>
    <row r="61" spans="1:5">
      <c r="A61" s="6" t="s">
        <v>89</v>
      </c>
      <c r="B61" s="10"/>
      <c r="C61" s="10"/>
      <c r="D61" s="10">
        <v>0.154</v>
      </c>
      <c r="E61" s="10">
        <v>0.16301139429333167</v>
      </c>
    </row>
    <row r="62" spans="1:5">
      <c r="A62" s="3" t="s">
        <v>90</v>
      </c>
      <c r="B62" s="8"/>
      <c r="C62" s="8"/>
      <c r="D62" s="8">
        <v>0.157</v>
      </c>
      <c r="E62" s="8">
        <v>0.1650932607752672</v>
      </c>
    </row>
    <row r="63" spans="1:5">
      <c r="A63" s="6" t="s">
        <v>91</v>
      </c>
      <c r="B63" s="10"/>
      <c r="C63" s="10"/>
      <c r="D63" s="10">
        <v>0.16</v>
      </c>
      <c r="E63" s="10">
        <v>0.16721673892081315</v>
      </c>
    </row>
    <row r="64" spans="1:5">
      <c r="A64" s="3" t="s">
        <v>92</v>
      </c>
      <c r="B64" s="8"/>
      <c r="C64" s="8"/>
      <c r="D64" s="8">
        <v>0.16300000000000001</v>
      </c>
      <c r="E64" s="8">
        <v>0.16936564837905238</v>
      </c>
    </row>
    <row r="65" spans="1:5">
      <c r="A65" s="4" t="s">
        <v>93</v>
      </c>
      <c r="B65" s="9"/>
      <c r="C65" s="9"/>
      <c r="D65" s="9">
        <v>0.16600000000000001</v>
      </c>
      <c r="E65" s="9">
        <v>0.17143852316266109</v>
      </c>
    </row>
    <row r="67" spans="1:5">
      <c r="A67" t="s">
        <v>94</v>
      </c>
    </row>
    <row r="68" spans="1:5">
      <c r="A68" t="s">
        <v>95</v>
      </c>
    </row>
    <row r="70" spans="1:5">
      <c r="A70" s="28"/>
    </row>
  </sheetData>
  <pageMargins left="0.7" right="0.7" top="0.75" bottom="0.75" header="0.3" footer="0.3"/>
  <pageSetup paperSize="9" orientation="portrait" r:id="rId1"/>
  <headerFooter>
    <oddHeader>&amp;C&amp;"Calibri"&amp;12&amp;K000000  OFFICIAL&amp;1#_x000D_</oddHeader>
  </headerFooter>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C71867-16C7-4D65-A1D7-CB37CE802495}">
  <dimension ref="A1:D14"/>
  <sheetViews>
    <sheetView workbookViewId="0"/>
  </sheetViews>
  <sheetFormatPr defaultRowHeight="13.2"/>
  <cols>
    <col min="1" max="1" width="31.44140625" customWidth="1"/>
    <col min="2" max="2" width="14.21875" customWidth="1"/>
    <col min="4" max="4" width="16.77734375" customWidth="1"/>
  </cols>
  <sheetData>
    <row r="1" spans="1:4" ht="15.6">
      <c r="A1" s="1" t="s">
        <v>96</v>
      </c>
    </row>
    <row r="2" spans="1:4">
      <c r="A2" t="s">
        <v>97</v>
      </c>
    </row>
    <row r="4" spans="1:4">
      <c r="A4" s="7"/>
      <c r="B4" s="7" t="s">
        <v>98</v>
      </c>
      <c r="C4" s="7" t="s">
        <v>99</v>
      </c>
      <c r="D4" s="7" t="s">
        <v>100</v>
      </c>
    </row>
    <row r="5" spans="1:4">
      <c r="A5" s="6" t="s">
        <v>101</v>
      </c>
      <c r="B5" s="15">
        <v>53.5</v>
      </c>
      <c r="C5" s="15">
        <v>0</v>
      </c>
      <c r="D5" s="15">
        <v>0</v>
      </c>
    </row>
    <row r="6" spans="1:4">
      <c r="A6" s="3" t="s">
        <v>102</v>
      </c>
      <c r="B6" s="14">
        <v>0</v>
      </c>
      <c r="C6" s="14">
        <v>95.6</v>
      </c>
      <c r="D6" s="14">
        <v>0</v>
      </c>
    </row>
    <row r="7" spans="1:4">
      <c r="A7" s="6" t="s">
        <v>103</v>
      </c>
      <c r="B7" s="15">
        <v>0</v>
      </c>
      <c r="C7" s="15">
        <v>0</v>
      </c>
      <c r="D7" s="15">
        <v>17.600000000000001</v>
      </c>
    </row>
    <row r="8" spans="1:4">
      <c r="A8" s="3" t="s">
        <v>104</v>
      </c>
      <c r="B8" s="14">
        <v>35.6</v>
      </c>
      <c r="C8" s="14">
        <v>3.4</v>
      </c>
      <c r="D8" s="14">
        <v>0</v>
      </c>
    </row>
    <row r="9" spans="1:4">
      <c r="A9" s="6" t="s">
        <v>105</v>
      </c>
      <c r="B9" s="15">
        <v>4.4000000000000004</v>
      </c>
      <c r="C9" s="15">
        <v>0</v>
      </c>
      <c r="D9" s="15">
        <v>25.2</v>
      </c>
    </row>
    <row r="10" spans="1:4">
      <c r="A10" s="3" t="s">
        <v>106</v>
      </c>
      <c r="B10" s="14">
        <v>0</v>
      </c>
      <c r="C10" s="14">
        <v>0.3</v>
      </c>
      <c r="D10" s="14">
        <v>19.2</v>
      </c>
    </row>
    <row r="11" spans="1:4">
      <c r="A11" s="4" t="s">
        <v>107</v>
      </c>
      <c r="B11" s="5">
        <v>6.6</v>
      </c>
      <c r="C11" s="5">
        <v>0.6</v>
      </c>
      <c r="D11" s="5">
        <v>37.9</v>
      </c>
    </row>
    <row r="13" spans="1:4">
      <c r="A13" t="s">
        <v>108</v>
      </c>
    </row>
    <row r="14" spans="1:4">
      <c r="A14" t="s">
        <v>109</v>
      </c>
    </row>
  </sheetData>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9B431F7-E797-4434-BD05-183DD920204A}">
  <dimension ref="A1:E23"/>
  <sheetViews>
    <sheetView workbookViewId="0"/>
  </sheetViews>
  <sheetFormatPr defaultRowHeight="13.2"/>
  <cols>
    <col min="1" max="1" width="15.21875" customWidth="1"/>
    <col min="2" max="5" width="13.5546875" bestFit="1" customWidth="1"/>
  </cols>
  <sheetData>
    <row r="1" spans="1:5" ht="15.6">
      <c r="A1" s="1" t="s">
        <v>110</v>
      </c>
    </row>
    <row r="2" spans="1:5">
      <c r="A2" t="s">
        <v>111</v>
      </c>
    </row>
    <row r="4" spans="1:5" ht="24">
      <c r="A4" s="13" t="s">
        <v>112</v>
      </c>
      <c r="B4" s="13" t="s">
        <v>113</v>
      </c>
      <c r="C4" s="13" t="s">
        <v>114</v>
      </c>
      <c r="D4" s="13" t="s">
        <v>115</v>
      </c>
      <c r="E4" s="13" t="s">
        <v>116</v>
      </c>
    </row>
    <row r="5" spans="1:5">
      <c r="A5" s="6">
        <v>0</v>
      </c>
      <c r="B5" s="27">
        <v>100000000</v>
      </c>
      <c r="C5" s="27">
        <v>10766218</v>
      </c>
      <c r="D5" s="27">
        <v>-3311877</v>
      </c>
      <c r="E5" s="27">
        <v>24844313</v>
      </c>
    </row>
    <row r="6" spans="1:5">
      <c r="A6" s="3">
        <v>1</v>
      </c>
      <c r="B6" s="26">
        <v>100000000</v>
      </c>
      <c r="C6" s="26">
        <v>28464830</v>
      </c>
      <c r="D6" s="26">
        <v>17078346</v>
      </c>
      <c r="E6" s="26">
        <v>39851313</v>
      </c>
    </row>
    <row r="7" spans="1:5">
      <c r="A7" s="6">
        <v>2</v>
      </c>
      <c r="B7" s="27">
        <v>100000000</v>
      </c>
      <c r="C7" s="27">
        <v>46024513</v>
      </c>
      <c r="D7" s="27">
        <v>36616298</v>
      </c>
      <c r="E7" s="27">
        <v>55432728</v>
      </c>
    </row>
    <row r="8" spans="1:5">
      <c r="A8" s="3">
        <v>3</v>
      </c>
      <c r="B8" s="26">
        <v>100000000</v>
      </c>
      <c r="C8" s="26">
        <v>63248574</v>
      </c>
      <c r="D8" s="26">
        <v>54891882</v>
      </c>
      <c r="E8" s="26">
        <v>71605266</v>
      </c>
    </row>
    <row r="9" spans="1:5">
      <c r="A9" s="6">
        <v>4</v>
      </c>
      <c r="B9" s="27">
        <v>100000000</v>
      </c>
      <c r="C9" s="27">
        <v>79904308</v>
      </c>
      <c r="D9" s="27">
        <v>71854559</v>
      </c>
      <c r="E9" s="27">
        <v>87954057</v>
      </c>
    </row>
    <row r="10" spans="1:5">
      <c r="A10" s="3">
        <v>5</v>
      </c>
      <c r="B10" s="26">
        <v>100000000</v>
      </c>
      <c r="C10" s="26">
        <v>95759235</v>
      </c>
      <c r="D10" s="26">
        <v>87721193</v>
      </c>
      <c r="E10" s="26">
        <v>103797277</v>
      </c>
    </row>
    <row r="11" spans="1:5">
      <c r="A11" s="6">
        <v>6</v>
      </c>
      <c r="B11" s="27">
        <v>100000000</v>
      </c>
      <c r="C11" s="27">
        <v>110609479</v>
      </c>
      <c r="D11" s="27">
        <v>102601106</v>
      </c>
      <c r="E11" s="27">
        <v>118617852</v>
      </c>
    </row>
    <row r="12" spans="1:5">
      <c r="A12" s="3">
        <v>7</v>
      </c>
      <c r="B12" s="26">
        <v>100000000</v>
      </c>
      <c r="C12" s="26">
        <v>124299391</v>
      </c>
      <c r="D12" s="26">
        <v>116387888</v>
      </c>
      <c r="E12" s="26">
        <v>132210895</v>
      </c>
    </row>
    <row r="13" spans="1:5">
      <c r="A13" s="6">
        <v>8</v>
      </c>
      <c r="B13" s="27">
        <v>100000000</v>
      </c>
      <c r="C13" s="27">
        <v>136732261</v>
      </c>
      <c r="D13" s="27">
        <v>128896806</v>
      </c>
      <c r="E13" s="27">
        <v>144567716</v>
      </c>
    </row>
    <row r="14" spans="1:5">
      <c r="A14" s="3">
        <v>9</v>
      </c>
      <c r="B14" s="26">
        <v>100000000</v>
      </c>
      <c r="C14" s="26">
        <v>147872756</v>
      </c>
      <c r="D14" s="26">
        <v>140035135</v>
      </c>
      <c r="E14" s="26">
        <v>155710376</v>
      </c>
    </row>
    <row r="15" spans="1:5">
      <c r="A15" s="6">
        <v>10</v>
      </c>
      <c r="B15" s="27">
        <v>100000000</v>
      </c>
      <c r="C15" s="27">
        <v>157742479</v>
      </c>
      <c r="D15" s="27">
        <v>149866053</v>
      </c>
      <c r="E15" s="27">
        <v>165618905</v>
      </c>
    </row>
    <row r="16" spans="1:5">
      <c r="A16" s="3">
        <v>11</v>
      </c>
      <c r="B16" s="26">
        <v>100000000</v>
      </c>
      <c r="C16" s="26">
        <v>166410544</v>
      </c>
      <c r="D16" s="26">
        <v>158536762</v>
      </c>
      <c r="E16" s="26">
        <v>174284326</v>
      </c>
    </row>
    <row r="17" spans="1:5">
      <c r="A17" s="6">
        <v>12</v>
      </c>
      <c r="B17" s="27">
        <v>100000000</v>
      </c>
      <c r="C17" s="27">
        <v>173981275</v>
      </c>
      <c r="D17" s="27">
        <v>166174212</v>
      </c>
      <c r="E17" s="27">
        <v>181788338</v>
      </c>
    </row>
    <row r="18" spans="1:5">
      <c r="A18" s="3">
        <v>13</v>
      </c>
      <c r="B18" s="26">
        <v>100000000</v>
      </c>
      <c r="C18" s="26">
        <v>180581091</v>
      </c>
      <c r="D18" s="26">
        <v>172852150</v>
      </c>
      <c r="E18" s="26">
        <v>188310032</v>
      </c>
    </row>
    <row r="19" spans="1:5">
      <c r="A19" s="6">
        <v>14</v>
      </c>
      <c r="B19" s="27">
        <v>100000000</v>
      </c>
      <c r="C19" s="27">
        <v>186346235</v>
      </c>
      <c r="D19" s="27">
        <v>178639698</v>
      </c>
      <c r="E19" s="27">
        <v>194052772</v>
      </c>
    </row>
    <row r="20" spans="1:5">
      <c r="A20" s="3">
        <v>15</v>
      </c>
      <c r="B20" s="26">
        <v>100000000</v>
      </c>
      <c r="C20" s="26">
        <v>191412543</v>
      </c>
      <c r="D20" s="26">
        <v>183664542</v>
      </c>
      <c r="E20" s="26">
        <v>199160544</v>
      </c>
    </row>
    <row r="22" spans="1:5">
      <c r="A22" t="s">
        <v>117</v>
      </c>
    </row>
    <row r="23" spans="1:5">
      <c r="A23" t="s">
        <v>118</v>
      </c>
    </row>
  </sheetData>
  <pageMargins left="0.7" right="0.7" top="0.75" bottom="0.75" header="0.3" footer="0.3"/>
  <tableParts count="1">
    <tablePart r:id="rId1"/>
  </tableParts>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07BD21-1C81-408B-B49C-81E92CE50426}">
  <dimension ref="A1:B42"/>
  <sheetViews>
    <sheetView workbookViewId="0"/>
  </sheetViews>
  <sheetFormatPr defaultRowHeight="13.2"/>
  <cols>
    <col min="1" max="1" width="17.5546875" customWidth="1"/>
  </cols>
  <sheetData>
    <row r="1" spans="1:2">
      <c r="A1" s="1" t="s">
        <v>119</v>
      </c>
    </row>
    <row r="2" spans="1:2">
      <c r="A2" t="s">
        <v>120</v>
      </c>
    </row>
    <row r="4" spans="1:2">
      <c r="A4" s="25" t="s">
        <v>121</v>
      </c>
      <c r="B4" s="25" t="s">
        <v>122</v>
      </c>
    </row>
    <row r="5" spans="1:2">
      <c r="A5" s="23" t="s">
        <v>123</v>
      </c>
      <c r="B5" s="24">
        <v>5.6719999999999997</v>
      </c>
    </row>
    <row r="6" spans="1:2">
      <c r="A6" s="20" t="s">
        <v>124</v>
      </c>
      <c r="B6" s="19">
        <v>4.9630000000000001</v>
      </c>
    </row>
    <row r="7" spans="1:2">
      <c r="A7" s="23" t="s">
        <v>125</v>
      </c>
      <c r="B7" s="24">
        <v>4.7169999999999996</v>
      </c>
    </row>
    <row r="8" spans="1:2">
      <c r="A8" s="20" t="s">
        <v>126</v>
      </c>
      <c r="B8" s="19">
        <v>3.9950000000000001</v>
      </c>
    </row>
    <row r="9" spans="1:2">
      <c r="A9" s="23" t="s">
        <v>127</v>
      </c>
      <c r="B9" s="24">
        <v>3.6080000000000001</v>
      </c>
    </row>
    <row r="10" spans="1:2">
      <c r="A10" s="20" t="s">
        <v>128</v>
      </c>
      <c r="B10" s="19">
        <v>3.6</v>
      </c>
    </row>
    <row r="11" spans="1:2">
      <c r="A11" s="23" t="s">
        <v>129</v>
      </c>
      <c r="B11" s="24">
        <v>3.4630000000000001</v>
      </c>
    </row>
    <row r="12" spans="1:2">
      <c r="A12" s="20" t="s">
        <v>130</v>
      </c>
      <c r="B12" s="19">
        <v>3.3</v>
      </c>
    </row>
    <row r="13" spans="1:2">
      <c r="A13" s="23" t="s">
        <v>131</v>
      </c>
      <c r="B13" s="24">
        <v>3.24</v>
      </c>
    </row>
    <row r="14" spans="1:2">
      <c r="A14" s="20" t="s">
        <v>132</v>
      </c>
      <c r="B14" s="19">
        <v>3.19</v>
      </c>
    </row>
    <row r="15" spans="1:2">
      <c r="A15" s="23" t="s">
        <v>133</v>
      </c>
      <c r="B15" s="24">
        <v>3.1850000000000001</v>
      </c>
    </row>
    <row r="16" spans="1:2">
      <c r="A16" s="20" t="s">
        <v>134</v>
      </c>
      <c r="B16" s="19">
        <v>3.1840000000000002</v>
      </c>
    </row>
    <row r="17" spans="1:2">
      <c r="A17" s="23" t="s">
        <v>135</v>
      </c>
      <c r="B17" s="24">
        <v>3.1760000000000002</v>
      </c>
    </row>
    <row r="18" spans="1:2">
      <c r="A18" s="20" t="s">
        <v>136</v>
      </c>
      <c r="B18" s="19">
        <v>2.952</v>
      </c>
    </row>
    <row r="19" spans="1:2">
      <c r="A19" s="23" t="s">
        <v>137</v>
      </c>
      <c r="B19" s="24">
        <v>2.7530000000000001</v>
      </c>
    </row>
    <row r="20" spans="1:2">
      <c r="A20" s="20" t="s">
        <v>138</v>
      </c>
      <c r="B20" s="19">
        <v>2.72</v>
      </c>
    </row>
    <row r="21" spans="1:2">
      <c r="A21" s="23" t="s">
        <v>139</v>
      </c>
      <c r="B21" s="24">
        <v>2.6549999999999998</v>
      </c>
    </row>
    <row r="22" spans="1:2">
      <c r="A22" s="20" t="s">
        <v>140</v>
      </c>
      <c r="B22" s="19">
        <v>2.629</v>
      </c>
    </row>
    <row r="23" spans="1:2">
      <c r="A23" s="23" t="s">
        <v>141</v>
      </c>
      <c r="B23" s="24">
        <v>2.5550000000000002</v>
      </c>
    </row>
    <row r="24" spans="1:2">
      <c r="A24" s="20" t="s">
        <v>142</v>
      </c>
      <c r="B24" s="19">
        <v>2.4510000000000001</v>
      </c>
    </row>
    <row r="25" spans="1:2">
      <c r="A25" s="23" t="s">
        <v>143</v>
      </c>
      <c r="B25" s="24">
        <v>2.242</v>
      </c>
    </row>
    <row r="26" spans="1:2">
      <c r="A26" s="20" t="s">
        <v>144</v>
      </c>
      <c r="B26" s="19">
        <v>2.2290000000000001</v>
      </c>
    </row>
    <row r="27" spans="1:2">
      <c r="A27" s="23" t="s">
        <v>145</v>
      </c>
      <c r="B27" s="24">
        <v>2.1429999999999998</v>
      </c>
    </row>
    <row r="28" spans="1:2">
      <c r="A28" s="20" t="s">
        <v>146</v>
      </c>
      <c r="B28" s="19">
        <v>2.0880000000000001</v>
      </c>
    </row>
    <row r="29" spans="1:2">
      <c r="A29" s="23" t="s">
        <v>147</v>
      </c>
      <c r="B29" s="24">
        <v>2.0870000000000002</v>
      </c>
    </row>
    <row r="30" spans="1:2">
      <c r="A30" s="20" t="s">
        <v>148</v>
      </c>
      <c r="B30" s="19">
        <v>2.0489999999999999</v>
      </c>
    </row>
    <row r="31" spans="1:2">
      <c r="A31" s="23" t="s">
        <v>149</v>
      </c>
      <c r="B31" s="24">
        <v>2.0219999999999998</v>
      </c>
    </row>
    <row r="32" spans="1:2">
      <c r="A32" s="20" t="s">
        <v>150</v>
      </c>
      <c r="B32" s="19">
        <v>1.7749999999999999</v>
      </c>
    </row>
    <row r="33" spans="1:2">
      <c r="A33" s="23" t="s">
        <v>151</v>
      </c>
      <c r="B33" s="24">
        <v>1.7729999999999999</v>
      </c>
    </row>
    <row r="34" spans="1:2">
      <c r="A34" s="20" t="s">
        <v>152</v>
      </c>
      <c r="B34" s="19">
        <v>1.597</v>
      </c>
    </row>
    <row r="35" spans="1:2">
      <c r="A35" s="23" t="s">
        <v>153</v>
      </c>
      <c r="B35" s="24">
        <v>1.2949999999999999</v>
      </c>
    </row>
    <row r="36" spans="1:2">
      <c r="A36" s="20" t="s">
        <v>154</v>
      </c>
      <c r="B36" s="19">
        <v>0.81100000000000005</v>
      </c>
    </row>
    <row r="37" spans="1:2">
      <c r="A37" s="23" t="s">
        <v>155</v>
      </c>
      <c r="B37" s="24">
        <v>0.64700000000000002</v>
      </c>
    </row>
    <row r="38" spans="1:2">
      <c r="A38" s="20" t="s">
        <v>156</v>
      </c>
      <c r="B38" s="19">
        <v>0.496</v>
      </c>
    </row>
    <row r="39" spans="1:2">
      <c r="A39" s="21" t="s">
        <v>157</v>
      </c>
      <c r="B39" s="22">
        <v>0.32100000000000001</v>
      </c>
    </row>
    <row r="41" spans="1:2">
      <c r="A41" t="s">
        <v>158</v>
      </c>
    </row>
    <row r="42" spans="1:2">
      <c r="A42" t="s">
        <v>159</v>
      </c>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799e522c-5b1f-4f01-8a66-07ee5157ad9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799e522c-5b1f-4f01-8a66-07ee5157ad9d">
      <Value>2</Value>
    </TaxCatchAll>
  </documentManagement>
</p:properties>
</file>

<file path=customXml/item2.xml><?xml version="1.0" encoding="utf-8"?>
<TemplafyTemplateConfiguration><![CDATA[{"transformationConfigurations":[],"templateName":"Supporting chart data workbook","templateDescription":"Use for data you plan to publish on the website. Includes 'about' and 'contents' tabs.","enableDocumentContentUpdater":fals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4E91143F2B2AAA43B4ED5D06D8E163F6" ma:contentTypeVersion="7" ma:contentTypeDescription="Create a new document." ma:contentTypeScope="" ma:versionID="017239f0cbabe5b9e2bbe7371d5bed84">
  <xsd:schema xmlns:xsd="http://www.w3.org/2001/XMLSchema" xmlns:xs="http://www.w3.org/2001/XMLSchema" xmlns:p="http://schemas.microsoft.com/office/2006/metadata/properties" xmlns:ns2="9818a5f2-5483-412d-8678-057ddb6fc845" xmlns:ns3="799e522c-5b1f-4f01-8a66-07ee5157ad9d" targetNamespace="http://schemas.microsoft.com/office/2006/metadata/properties" ma:root="true" ma:fieldsID="42edcdbe5eb4e379cc05f0e905f4f269" ns2:_="" ns3:_="">
    <xsd:import namespace="9818a5f2-5483-412d-8678-057ddb6fc845"/>
    <xsd:import namespace="799e522c-5b1f-4f01-8a66-07ee5157ad9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i0f84bba906045b4af568ee102a52dcb"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18a5f2-5483-412d-8678-057ddb6fc84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99e522c-5b1f-4f01-8a66-07ee5157ad9d" elementFormDefault="qualified">
    <xsd:import namespace="http://schemas.microsoft.com/office/2006/documentManagement/types"/>
    <xsd:import namespace="http://schemas.microsoft.com/office/infopath/2007/PartnerControls"/>
    <xsd:element name="i0f84bba906045b4af568ee102a52dcb" ma:index="13" nillable="true" ma:taxonomy="true" ma:internalName="i0f84bba906045b4af568ee102a52dcb" ma:taxonomyFieldName="RevIMBCS" ma:displayName="Record" ma:indexed="true" ma:default="2;#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3f9c0060-6f22-4ebd-8284-499602e6a24c}" ma:internalName="TaxCatchAll" ma:showField="CatchAllData" ma:web="799e522c-5b1f-4f01-8a66-07ee5157ad9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AA7A666-9F4C-4408-8D08-8A8B4EAD4C91}">
  <ds:schemaRefs>
    <ds:schemaRef ds:uri="http://schemas.microsoft.com/office/2006/documentManagement/types"/>
    <ds:schemaRef ds:uri="http://schemas.microsoft.com/office/infopath/2007/PartnerControls"/>
    <ds:schemaRef ds:uri="http://schemas.microsoft.com/office/2006/metadata/properties"/>
    <ds:schemaRef ds:uri="9818a5f2-5483-412d-8678-057ddb6fc845"/>
    <ds:schemaRef ds:uri="http://purl.org/dc/elements/1.1/"/>
    <ds:schemaRef ds:uri="http://www.w3.org/XML/1998/namespace"/>
    <ds:schemaRef ds:uri="http://schemas.openxmlformats.org/package/2006/metadata/core-properties"/>
    <ds:schemaRef ds:uri="http://purl.org/dc/terms/"/>
    <ds:schemaRef ds:uri="799e522c-5b1f-4f01-8a66-07ee5157ad9d"/>
    <ds:schemaRef ds:uri="http://purl.org/dc/dcmitype/"/>
  </ds:schemaRefs>
</ds:datastoreItem>
</file>

<file path=customXml/itemProps2.xml><?xml version="1.0" encoding="utf-8"?>
<ds:datastoreItem xmlns:ds="http://schemas.openxmlformats.org/officeDocument/2006/customXml" ds:itemID="{58D938DD-EC6F-4D42-AA4F-4A0F2A288CFB}">
  <ds:schemaRefs/>
</ds:datastoreItem>
</file>

<file path=customXml/itemProps3.xml><?xml version="1.0" encoding="utf-8"?>
<ds:datastoreItem xmlns:ds="http://schemas.openxmlformats.org/officeDocument/2006/customXml" ds:itemID="{E1EFC478-5E73-45FD-BFC4-BC55619BF7EA}">
  <ds:schemaRefs/>
</ds:datastoreItem>
</file>

<file path=customXml/itemProps4.xml><?xml version="1.0" encoding="utf-8"?>
<ds:datastoreItem xmlns:ds="http://schemas.openxmlformats.org/officeDocument/2006/customXml" ds:itemID="{92EC9670-46D5-48A9-A6EC-165D079F321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18a5f2-5483-412d-8678-057ddb6fc845"/>
    <ds:schemaRef ds:uri="799e522c-5b1f-4f01-8a66-07ee5157ad9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BAEBB4B-7232-4253-A87A-FA094591008C}">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7</vt:i4>
      </vt:variant>
      <vt:variant>
        <vt:lpstr>Named Ranges</vt:lpstr>
      </vt:variant>
      <vt:variant>
        <vt:i4>10</vt:i4>
      </vt:variant>
    </vt:vector>
  </HeadingPairs>
  <TitlesOfParts>
    <vt:vector size="17" baseType="lpstr">
      <vt:lpstr>About</vt:lpstr>
      <vt:lpstr>Contents</vt:lpstr>
      <vt:lpstr>Figure 1</vt:lpstr>
      <vt:lpstr>Figure 2</vt:lpstr>
      <vt:lpstr>Figure 1.4</vt:lpstr>
      <vt:lpstr>Figure 3.3</vt:lpstr>
      <vt:lpstr>Figure 3.4</vt:lpstr>
      <vt:lpstr>'Figure 2'!SdCt01893f76f3594d6896dee9cf24a4d25d_0</vt:lpstr>
      <vt:lpstr>'Figure 2'!SdCt01893f76f3594d6896dee9cf24a4d25d_1</vt:lpstr>
      <vt:lpstr>'Figure 3.4'!SdCt4078c12f07d24c74abbf89de50547633_0</vt:lpstr>
      <vt:lpstr>'Figure 3.4'!SdCt4078c12f07d24c74abbf89de50547633_1</vt:lpstr>
      <vt:lpstr>'Figure 1'!SdCt4e5d766da78240418bd1ed6a7274eaa7_0</vt:lpstr>
      <vt:lpstr>'Figure 1'!SdCt4e5d766da78240418bd1ed6a7274eaa7_1</vt:lpstr>
      <vt:lpstr>'Figure 3.3'!SdCtc76271b1a77d44ddb58b6246cbe89fa2_0</vt:lpstr>
      <vt:lpstr>'Figure 3.3'!SdCtc76271b1a77d44ddb58b6246cbe89fa2_1</vt:lpstr>
      <vt:lpstr>'Figure 1.4'!SdCtcf56358eb68342b9a41e5fbe11a81be8_0</vt:lpstr>
      <vt:lpstr>'Figure 1.4'!SdCtcf56358eb68342b9a41e5fbe11a81be8_1</vt:lpstr>
    </vt:vector>
  </TitlesOfParts>
  <Manager/>
  <Company>Productivity Commission</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hart data - Interim report - Delivering quality care more efficiently</dc:title>
  <dc:subject/>
  <dc:creator>Productivity Commission</dc:creator>
  <cp:keywords/>
  <dc:description/>
  <cp:lastModifiedBy>Chris Alston</cp:lastModifiedBy>
  <cp:revision/>
  <dcterms:created xsi:type="dcterms:W3CDTF">2025-07-31T06:18:17Z</dcterms:created>
  <dcterms:modified xsi:type="dcterms:W3CDTF">2025-08-11T22:48:5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54725005441542</vt:lpwstr>
  </property>
  <property fmtid="{D5CDD505-2E9C-101B-9397-08002B2CF9AE}" pid="4" name="TemplafyUserProfileId">
    <vt:lpwstr>637825451974912191</vt:lpwstr>
  </property>
  <property fmtid="{D5CDD505-2E9C-101B-9397-08002B2CF9AE}" pid="5" name="TemplafyFromBlank">
    <vt:bool>false</vt:bool>
  </property>
  <property fmtid="{D5CDD505-2E9C-101B-9397-08002B2CF9AE}" pid="6" name="MSIP_Label_f7467c1a-e0ed-413c-a72b-aac8e8e94f41_Enabled">
    <vt:lpwstr>true</vt:lpwstr>
  </property>
  <property fmtid="{D5CDD505-2E9C-101B-9397-08002B2CF9AE}" pid="7" name="MSIP_Label_f7467c1a-e0ed-413c-a72b-aac8e8e94f41_SetDate">
    <vt:lpwstr>2025-07-31T06:19:51Z</vt:lpwstr>
  </property>
  <property fmtid="{D5CDD505-2E9C-101B-9397-08002B2CF9AE}" pid="8" name="MSIP_Label_f7467c1a-e0ed-413c-a72b-aac8e8e94f41_Method">
    <vt:lpwstr>Privileged</vt:lpwstr>
  </property>
  <property fmtid="{D5CDD505-2E9C-101B-9397-08002B2CF9AE}" pid="9" name="MSIP_Label_f7467c1a-e0ed-413c-a72b-aac8e8e94f41_Name">
    <vt:lpwstr>OFFICIAL</vt:lpwstr>
  </property>
  <property fmtid="{D5CDD505-2E9C-101B-9397-08002B2CF9AE}" pid="10" name="MSIP_Label_f7467c1a-e0ed-413c-a72b-aac8e8e94f41_SiteId">
    <vt:lpwstr>29f9330b-c0fe-4244-830e-ba9f275d6c34</vt:lpwstr>
  </property>
  <property fmtid="{D5CDD505-2E9C-101B-9397-08002B2CF9AE}" pid="11" name="MSIP_Label_f7467c1a-e0ed-413c-a72b-aac8e8e94f41_ActionId">
    <vt:lpwstr>05975105-1a7d-49f1-aa6b-e1fe60334a1f</vt:lpwstr>
  </property>
  <property fmtid="{D5CDD505-2E9C-101B-9397-08002B2CF9AE}" pid="12" name="MSIP_Label_f7467c1a-e0ed-413c-a72b-aac8e8e94f41_ContentBits">
    <vt:lpwstr>1</vt:lpwstr>
  </property>
  <property fmtid="{D5CDD505-2E9C-101B-9397-08002B2CF9AE}" pid="13" name="MSIP_Label_f7467c1a-e0ed-413c-a72b-aac8e8e94f41_Tag">
    <vt:lpwstr>10, 0, 1, 1</vt:lpwstr>
  </property>
  <property fmtid="{D5CDD505-2E9C-101B-9397-08002B2CF9AE}" pid="14" name="ContentTypeId">
    <vt:lpwstr>0x0101004E91143F2B2AAA43B4ED5D06D8E163F6</vt:lpwstr>
  </property>
  <property fmtid="{D5CDD505-2E9C-101B-9397-08002B2CF9AE}" pid="15" name="RevIMBCS">
    <vt:lpwstr>2;#Unclassified|3955eeb1-2d18-4582-aeb2-00144ec3aaf5</vt:lpwstr>
  </property>
</Properties>
</file>